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5月分(2020年基準)\消費者物価指数の推移\"/>
    </mc:Choice>
  </mc:AlternateContent>
  <bookViews>
    <workbookView xWindow="600" yWindow="105" windowWidth="19410" windowHeight="8070"/>
  </bookViews>
  <sheets>
    <sheet name="消費者物価指数の推移" sheetId="1" r:id="rId1"/>
  </sheets>
  <definedNames>
    <definedName name="_xlnm.Print_Area" localSheetId="0">消費者物価指数の推移!$A$1:$Y$29</definedName>
  </definedNames>
  <calcPr calcId="152511"/>
</workbook>
</file>

<file path=xl/sharedStrings.xml><?xml version="1.0" encoding="utf-8"?>
<sst xmlns="http://schemas.openxmlformats.org/spreadsheetml/2006/main" count="106" uniqueCount="71">
  <si>
    <t>住　居</t>
  </si>
  <si>
    <t>総　合</t>
  </si>
  <si>
    <t>食　料</t>
  </si>
  <si>
    <t>通　信</t>
  </si>
  <si>
    <t>家事用品</t>
  </si>
  <si>
    <t>水　道</t>
  </si>
  <si>
    <t>（％）</t>
  </si>
  <si>
    <t>前月比</t>
    <rPh sb="2" eb="3">
      <t>ヒ</t>
    </rPh>
    <phoneticPr fontId="10"/>
  </si>
  <si>
    <t>を除く</t>
  </si>
  <si>
    <t>諸雑費</t>
  </si>
  <si>
    <t>教　育</t>
  </si>
  <si>
    <t>・</t>
  </si>
  <si>
    <t>年　　月</t>
    <phoneticPr fontId="1"/>
  </si>
  <si>
    <t>全　　　国</t>
  </si>
  <si>
    <t>持家の帰属家賃</t>
    <rPh sb="5" eb="7">
      <t>ヤチン</t>
    </rPh>
    <phoneticPr fontId="10"/>
  </si>
  <si>
    <t>生鮮食品を除く</t>
    <rPh sb="5" eb="6">
      <t>ノゾ</t>
    </rPh>
    <phoneticPr fontId="10"/>
  </si>
  <si>
    <t>教養　　娯楽</t>
    <rPh sb="0" eb="2">
      <t>キョウヨウ</t>
    </rPh>
    <rPh sb="4" eb="6">
      <t>ゴラク</t>
    </rPh>
    <phoneticPr fontId="1"/>
  </si>
  <si>
    <t>交　通</t>
  </si>
  <si>
    <t>保健　医療</t>
    <rPh sb="3" eb="5">
      <t>イリョウ</t>
    </rPh>
    <phoneticPr fontId="1"/>
  </si>
  <si>
    <t>被服　及び　履物</t>
    <rPh sb="6" eb="8">
      <t>ハキモノ</t>
    </rPh>
    <phoneticPr fontId="1"/>
  </si>
  <si>
    <t>家　具</t>
  </si>
  <si>
    <t>光　熱</t>
  </si>
  <si>
    <t>相模原市</t>
    <rPh sb="0" eb="4">
      <t>サガミハラシ</t>
    </rPh>
    <phoneticPr fontId="1"/>
  </si>
  <si>
    <t>　　　　</t>
  </si>
  <si>
    <t>消 費 者 物 価 指 数 の 推 移</t>
  </si>
  <si>
    <t>月</t>
  </si>
  <si>
    <t>平均</t>
    <rPh sb="0" eb="2">
      <t>ヘイキン</t>
    </rPh>
    <phoneticPr fontId="1"/>
  </si>
  <si>
    <t>-</t>
    <phoneticPr fontId="1"/>
  </si>
  <si>
    <t>-</t>
    <phoneticPr fontId="1"/>
  </si>
  <si>
    <t>前月比</t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食料(酒類を除く)及びエネルギーを除く</t>
    <phoneticPr fontId="1"/>
  </si>
  <si>
    <t>前年
同月比</t>
    <rPh sb="0" eb="2">
      <t>ゼンネン</t>
    </rPh>
    <phoneticPr fontId="10"/>
  </si>
  <si>
    <t>（％）</t>
    <phoneticPr fontId="1"/>
  </si>
  <si>
    <t>前年
同月比</t>
    <rPh sb="3" eb="5">
      <t>ドウゲツ</t>
    </rPh>
    <rPh sb="5" eb="6">
      <t>ヒ</t>
    </rPh>
    <phoneticPr fontId="10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phoneticPr fontId="1"/>
  </si>
  <si>
    <t>2021年</t>
    <rPh sb="4" eb="5">
      <t>ネン</t>
    </rPh>
    <phoneticPr fontId="1"/>
  </si>
  <si>
    <t>月</t>
    <phoneticPr fontId="1"/>
  </si>
  <si>
    <t>月</t>
    <phoneticPr fontId="1"/>
  </si>
  <si>
    <t>月</t>
    <phoneticPr fontId="1"/>
  </si>
  <si>
    <t>（令和2（2020）年＝100基準）</t>
    <rPh sb="1" eb="3">
      <t>レイワ</t>
    </rPh>
    <rPh sb="15" eb="17">
      <t>キジュン</t>
    </rPh>
    <phoneticPr fontId="1"/>
  </si>
  <si>
    <t>0.0</t>
  </si>
  <si>
    <t>0.1</t>
  </si>
  <si>
    <t>0.3</t>
  </si>
  <si>
    <t>99.7</t>
  </si>
  <si>
    <t>-0.8</t>
  </si>
  <si>
    <t>99.4</t>
  </si>
  <si>
    <t>100.3</t>
  </si>
  <si>
    <t>99.8</t>
  </si>
  <si>
    <t>99.5</t>
  </si>
  <si>
    <t>99.3</t>
  </si>
  <si>
    <t>101.4</t>
  </si>
  <si>
    <t>101.5</t>
  </si>
  <si>
    <t>99.2</t>
  </si>
  <si>
    <t>100.2</t>
  </si>
  <si>
    <t>99.1</t>
  </si>
  <si>
    <t>100.4</t>
  </si>
  <si>
    <t>-0.6</t>
  </si>
  <si>
    <t>0.4</t>
  </si>
  <si>
    <t>100.9</t>
  </si>
  <si>
    <t>103.7</t>
  </si>
  <si>
    <t>104.9</t>
  </si>
  <si>
    <t>93.1</t>
  </si>
  <si>
    <t>93.3</t>
  </si>
  <si>
    <t>101.8</t>
  </si>
  <si>
    <t>-0.5</t>
  </si>
  <si>
    <t>月</t>
    <phoneticPr fontId="1"/>
  </si>
  <si>
    <t>月</t>
    <phoneticPr fontId="1"/>
  </si>
  <si>
    <t>2022年</t>
    <rPh sb="4" eb="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0.0_ "/>
    <numFmt numFmtId="177" formatCode="0.0_);[Red]\(0.0\)"/>
    <numFmt numFmtId="178" formatCode="#,##0;&quot;¥&quot;\!\-#,##0;&quot;-&quot;"/>
    <numFmt numFmtId="179" formatCode="_ * #,##0.0_ ;_ * \-#,##0.0_ ;_ * &quot;-&quot;?_ ;_ @_ "/>
    <numFmt numFmtId="180" formatCode="#,##0.0_ "/>
  </numFmts>
  <fonts count="2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sz val="6"/>
      <name val="ＭＳ Ｐ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9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80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5" fillId="0" borderId="0"/>
    <xf numFmtId="0" fontId="5" fillId="0" borderId="0"/>
    <xf numFmtId="178" fontId="20" fillId="0" borderId="0" applyFill="0" applyBorder="0" applyAlignment="0"/>
    <xf numFmtId="0" fontId="21" fillId="0" borderId="0">
      <alignment horizontal="left"/>
    </xf>
    <xf numFmtId="0" fontId="22" fillId="0" borderId="7" applyNumberFormat="0" applyAlignment="0" applyProtection="0">
      <alignment horizontal="left" vertical="center"/>
    </xf>
    <xf numFmtId="0" fontId="22" fillId="0" borderId="31">
      <alignment horizontal="left" vertical="center"/>
    </xf>
    <xf numFmtId="0" fontId="23" fillId="0" borderId="0"/>
    <xf numFmtId="4" fontId="21" fillId="0" borderId="0">
      <alignment horizontal="right"/>
    </xf>
    <xf numFmtId="4" fontId="24" fillId="0" borderId="0">
      <alignment horizontal="right"/>
    </xf>
    <xf numFmtId="0" fontId="25" fillId="0" borderId="0">
      <alignment horizontal="left"/>
    </xf>
    <xf numFmtId="0" fontId="26" fillId="0" borderId="0">
      <alignment horizontal="center"/>
    </xf>
  </cellStyleXfs>
  <cellXfs count="180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0" xfId="1" applyNumberFormat="1" applyFont="1" applyFill="1" applyBorder="1" applyAlignment="1">
      <alignment vertical="center"/>
    </xf>
    <xf numFmtId="177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/>
    </xf>
    <xf numFmtId="0" fontId="3" fillId="0" borderId="0" xfId="1" applyNumberFormat="1" applyFont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0" fontId="3" fillId="0" borderId="0" xfId="1" applyFont="1" applyBorder="1"/>
    <xf numFmtId="176" fontId="3" fillId="0" borderId="0" xfId="1" applyNumberFormat="1" applyFont="1" applyFill="1" applyBorder="1"/>
    <xf numFmtId="176" fontId="0" fillId="0" borderId="0" xfId="0" applyNumberFormat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177" fontId="4" fillId="0" borderId="0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vertical="center"/>
    </xf>
    <xf numFmtId="177" fontId="3" fillId="0" borderId="0" xfId="2" applyNumberFormat="1" applyFont="1" applyBorder="1" applyAlignment="1">
      <alignment vertical="center"/>
    </xf>
    <xf numFmtId="177" fontId="0" fillId="0" borderId="0" xfId="0" applyNumberFormat="1" applyBorder="1" applyAlignment="1">
      <alignment vertical="center"/>
    </xf>
    <xf numFmtId="0" fontId="0" fillId="0" borderId="0" xfId="0" applyAlignment="1"/>
    <xf numFmtId="0" fontId="0" fillId="0" borderId="0" xfId="0" applyBorder="1" applyAlignment="1"/>
    <xf numFmtId="0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 shrinkToFit="1"/>
    </xf>
    <xf numFmtId="0" fontId="3" fillId="0" borderId="0" xfId="1" applyFont="1" applyFill="1" applyBorder="1" applyAlignment="1">
      <alignment horizontal="center" vertical="center"/>
    </xf>
    <xf numFmtId="0" fontId="6" fillId="0" borderId="0" xfId="1" applyFont="1" applyFill="1" applyBorder="1" applyAlignment="1">
      <alignment horizontal="center"/>
    </xf>
    <xf numFmtId="0" fontId="5" fillId="0" borderId="0" xfId="1" applyFont="1" applyFill="1" applyBorder="1" applyAlignment="1">
      <alignment horizontal="center"/>
    </xf>
    <xf numFmtId="0" fontId="6" fillId="0" borderId="0" xfId="1" applyFont="1" applyBorder="1"/>
    <xf numFmtId="0" fontId="6" fillId="0" borderId="0" xfId="1" applyFont="1" applyBorder="1" applyAlignment="1">
      <alignment horizontal="centerContinuous"/>
    </xf>
    <xf numFmtId="0" fontId="5" fillId="0" borderId="0" xfId="1" applyFont="1" applyFill="1" applyBorder="1" applyAlignment="1">
      <alignment horizontal="center" shrinkToFit="1"/>
    </xf>
    <xf numFmtId="0" fontId="5" fillId="0" borderId="9" xfId="1" applyFont="1" applyFill="1" applyBorder="1" applyAlignment="1">
      <alignment horizontal="center" vertical="center"/>
    </xf>
    <xf numFmtId="0" fontId="5" fillId="0" borderId="10" xfId="1" applyFont="1" applyFill="1" applyBorder="1"/>
    <xf numFmtId="0" fontId="5" fillId="0" borderId="11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/>
    </xf>
    <xf numFmtId="0" fontId="5" fillId="0" borderId="9" xfId="1" applyFont="1" applyFill="1" applyBorder="1" applyAlignment="1">
      <alignment horizontal="center"/>
    </xf>
    <xf numFmtId="0" fontId="5" fillId="0" borderId="13" xfId="1" applyFont="1" applyFill="1" applyBorder="1"/>
    <xf numFmtId="0" fontId="6" fillId="0" borderId="14" xfId="1" applyFont="1" applyBorder="1"/>
    <xf numFmtId="0" fontId="6" fillId="0" borderId="15" xfId="1" applyFont="1" applyBorder="1"/>
    <xf numFmtId="0" fontId="6" fillId="0" borderId="16" xfId="1" applyFont="1" applyBorder="1"/>
    <xf numFmtId="0" fontId="6" fillId="0" borderId="5" xfId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3" xfId="1" applyFont="1" applyFill="1" applyBorder="1" applyAlignment="1">
      <alignment horizontal="center"/>
    </xf>
    <xf numFmtId="0" fontId="5" fillId="0" borderId="5" xfId="1" applyFont="1" applyFill="1" applyBorder="1" applyAlignment="1">
      <alignment horizontal="center"/>
    </xf>
    <xf numFmtId="0" fontId="5" fillId="0" borderId="6" xfId="1" applyFont="1" applyFill="1" applyBorder="1" applyAlignment="1">
      <alignment horizontal="center"/>
    </xf>
    <xf numFmtId="0" fontId="6" fillId="0" borderId="19" xfId="1" applyFont="1" applyBorder="1" applyAlignment="1">
      <alignment horizontal="centerContinuous"/>
    </xf>
    <xf numFmtId="0" fontId="3" fillId="0" borderId="1" xfId="1" applyFont="1" applyBorder="1" applyAlignment="1">
      <alignment horizontal="centerContinuous"/>
    </xf>
    <xf numFmtId="0" fontId="6" fillId="0" borderId="20" xfId="1" applyFont="1" applyFill="1" applyBorder="1" applyAlignment="1">
      <alignment horizontal="centerContinuous"/>
    </xf>
    <xf numFmtId="0" fontId="6" fillId="0" borderId="21" xfId="1" applyFont="1" applyFill="1" applyBorder="1" applyAlignment="1">
      <alignment horizontal="centerContinuous"/>
    </xf>
    <xf numFmtId="0" fontId="5" fillId="0" borderId="22" xfId="1" applyFont="1" applyFill="1" applyBorder="1" applyAlignment="1">
      <alignment horizontal="centerContinuous" vertical="center"/>
    </xf>
    <xf numFmtId="0" fontId="5" fillId="0" borderId="26" xfId="1" applyFont="1" applyFill="1" applyBorder="1" applyAlignment="1">
      <alignment horizontal="center"/>
    </xf>
    <xf numFmtId="0" fontId="5" fillId="0" borderId="27" xfId="1" applyFont="1" applyFill="1" applyBorder="1" applyAlignment="1">
      <alignment horizontal="center"/>
    </xf>
    <xf numFmtId="0" fontId="5" fillId="0" borderId="28" xfId="1" applyFont="1" applyFill="1" applyBorder="1"/>
    <xf numFmtId="0" fontId="6" fillId="0" borderId="29" xfId="1" applyFont="1" applyBorder="1"/>
    <xf numFmtId="0" fontId="6" fillId="0" borderId="24" xfId="1" applyFont="1" applyBorder="1"/>
    <xf numFmtId="0" fontId="6" fillId="0" borderId="30" xfId="1" applyFont="1" applyBorder="1" applyAlignment="1"/>
    <xf numFmtId="0" fontId="6" fillId="0" borderId="0" xfId="1" applyFont="1" applyBorder="1" applyAlignment="1">
      <alignment horizontal="center"/>
    </xf>
    <xf numFmtId="0" fontId="5" fillId="0" borderId="0" xfId="2"/>
    <xf numFmtId="0" fontId="14" fillId="0" borderId="0" xfId="1" applyFont="1" applyBorder="1" applyAlignment="1">
      <alignment horizontal="left"/>
    </xf>
    <xf numFmtId="0" fontId="12" fillId="0" borderId="0" xfId="1" applyFont="1" applyBorder="1" applyAlignment="1">
      <alignment horizontal="left"/>
    </xf>
    <xf numFmtId="0" fontId="15" fillId="0" borderId="0" xfId="1" applyFont="1" applyBorder="1" applyAlignment="1">
      <alignment horizontal="left"/>
    </xf>
    <xf numFmtId="0" fontId="5" fillId="0" borderId="0" xfId="1" applyFont="1" applyBorder="1" applyAlignment="1">
      <alignment horizontal="left"/>
    </xf>
    <xf numFmtId="0" fontId="16" fillId="0" borderId="0" xfId="1" applyFont="1" applyBorder="1" applyAlignment="1"/>
    <xf numFmtId="0" fontId="17" fillId="0" borderId="0" xfId="1" applyFont="1" applyBorder="1"/>
    <xf numFmtId="0" fontId="18" fillId="0" borderId="0" xfId="2" applyFont="1"/>
    <xf numFmtId="0" fontId="19" fillId="0" borderId="0" xfId="1" applyFont="1" applyBorder="1" applyAlignment="1"/>
    <xf numFmtId="0" fontId="5" fillId="0" borderId="23" xfId="1" applyFont="1" applyFill="1" applyBorder="1" applyAlignment="1">
      <alignment horizontal="center"/>
    </xf>
    <xf numFmtId="0" fontId="5" fillId="0" borderId="32" xfId="1" applyFont="1" applyFill="1" applyBorder="1" applyAlignment="1">
      <alignment horizontal="center"/>
    </xf>
    <xf numFmtId="0" fontId="5" fillId="0" borderId="11" xfId="1" applyFont="1" applyFill="1" applyBorder="1" applyAlignment="1">
      <alignment horizontal="center"/>
    </xf>
    <xf numFmtId="0" fontId="5" fillId="0" borderId="33" xfId="1" applyFont="1" applyFill="1" applyBorder="1" applyAlignment="1">
      <alignment horizontal="center" shrinkToFit="1"/>
    </xf>
    <xf numFmtId="0" fontId="6" fillId="0" borderId="9" xfId="1" applyFont="1" applyFill="1" applyBorder="1" applyAlignment="1">
      <alignment horizontal="center" vertical="center"/>
    </xf>
    <xf numFmtId="0" fontId="6" fillId="0" borderId="0" xfId="1" applyFont="1" applyBorder="1" applyAlignment="1">
      <alignment horizontal="left"/>
    </xf>
    <xf numFmtId="176" fontId="0" fillId="0" borderId="0" xfId="0" applyNumberFormat="1" applyBorder="1">
      <alignment vertical="center"/>
    </xf>
    <xf numFmtId="0" fontId="5" fillId="0" borderId="14" xfId="1" applyFont="1" applyFill="1" applyBorder="1" applyAlignment="1">
      <alignment horizontal="center" vertical="center"/>
    </xf>
    <xf numFmtId="0" fontId="5" fillId="0" borderId="2" xfId="1" applyFont="1" applyFill="1" applyBorder="1" applyAlignment="1">
      <alignment horizontal="center" wrapText="1" shrinkToFit="1"/>
    </xf>
    <xf numFmtId="0" fontId="6" fillId="0" borderId="2" xfId="1" applyFont="1" applyFill="1" applyBorder="1" applyAlignment="1">
      <alignment horizontal="center" vertical="center" wrapText="1" shrinkToFit="1"/>
    </xf>
    <xf numFmtId="0" fontId="6" fillId="0" borderId="8" xfId="1" applyFont="1" applyFill="1" applyBorder="1" applyAlignment="1">
      <alignment horizontal="center" vertical="center" wrapText="1"/>
    </xf>
    <xf numFmtId="0" fontId="9" fillId="0" borderId="44" xfId="2" applyFont="1" applyBorder="1" applyAlignment="1">
      <alignment horizontal="center" vertical="center"/>
    </xf>
    <xf numFmtId="0" fontId="9" fillId="0" borderId="45" xfId="2" applyFont="1" applyBorder="1" applyAlignment="1">
      <alignment vertical="center"/>
    </xf>
    <xf numFmtId="0" fontId="9" fillId="0" borderId="46" xfId="2" applyFont="1" applyBorder="1" applyAlignment="1">
      <alignment horizontal="center" vertical="center"/>
    </xf>
    <xf numFmtId="176" fontId="4" fillId="0" borderId="24" xfId="0" applyNumberFormat="1" applyFont="1" applyFill="1" applyBorder="1" applyAlignment="1">
      <alignment vertical="center"/>
    </xf>
    <xf numFmtId="0" fontId="9" fillId="0" borderId="16" xfId="2" applyFont="1" applyBorder="1" applyAlignment="1">
      <alignment horizontal="center" vertical="center"/>
    </xf>
    <xf numFmtId="0" fontId="9" fillId="0" borderId="15" xfId="2" applyFont="1" applyBorder="1" applyAlignment="1">
      <alignment vertical="center"/>
    </xf>
    <xf numFmtId="0" fontId="9" fillId="0" borderId="58" xfId="2" applyFont="1" applyBorder="1" applyAlignment="1">
      <alignment horizontal="center" vertical="center"/>
    </xf>
    <xf numFmtId="0" fontId="9" fillId="0" borderId="59" xfId="2" applyFont="1" applyBorder="1" applyAlignment="1">
      <alignment horizontal="center" vertical="center"/>
    </xf>
    <xf numFmtId="0" fontId="9" fillId="0" borderId="1" xfId="2" applyFont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9" fillId="0" borderId="62" xfId="2" applyFont="1" applyBorder="1" applyAlignment="1">
      <alignment horizontal="center" vertical="center"/>
    </xf>
    <xf numFmtId="0" fontId="9" fillId="0" borderId="66" xfId="2" applyFont="1" applyBorder="1" applyAlignment="1">
      <alignment horizontal="center" vertical="center"/>
    </xf>
    <xf numFmtId="0" fontId="9" fillId="0" borderId="67" xfId="2" applyFont="1" applyBorder="1" applyAlignment="1">
      <alignment vertical="center"/>
    </xf>
    <xf numFmtId="0" fontId="9" fillId="0" borderId="68" xfId="2" applyFont="1" applyBorder="1" applyAlignment="1">
      <alignment horizontal="center" vertical="center"/>
    </xf>
    <xf numFmtId="179" fontId="9" fillId="0" borderId="36" xfId="1" applyNumberFormat="1" applyFont="1" applyFill="1" applyBorder="1" applyAlignment="1">
      <alignment horizontal="right" vertical="center"/>
    </xf>
    <xf numFmtId="179" fontId="9" fillId="0" borderId="34" xfId="1" applyNumberFormat="1" applyFont="1" applyFill="1" applyBorder="1" applyAlignment="1">
      <alignment horizontal="center" vertical="center"/>
    </xf>
    <xf numFmtId="179" fontId="9" fillId="0" borderId="8" xfId="3" quotePrefix="1" applyNumberFormat="1" applyFont="1" applyBorder="1" applyAlignment="1">
      <alignment horizontal="right" vertical="center"/>
    </xf>
    <xf numFmtId="179" fontId="9" fillId="0" borderId="37" xfId="1" applyNumberFormat="1" applyFont="1" applyFill="1" applyBorder="1" applyAlignment="1">
      <alignment horizontal="right" vertical="center"/>
    </xf>
    <xf numFmtId="179" fontId="9" fillId="0" borderId="34" xfId="1" applyNumberFormat="1" applyFont="1" applyFill="1" applyBorder="1" applyAlignment="1">
      <alignment horizontal="right" vertical="center"/>
    </xf>
    <xf numFmtId="179" fontId="9" fillId="0" borderId="11" xfId="3" quotePrefix="1" applyNumberFormat="1" applyFont="1" applyBorder="1" applyAlignment="1">
      <alignment horizontal="center" vertical="center" wrapText="1"/>
    </xf>
    <xf numFmtId="179" fontId="9" fillId="0" borderId="38" xfId="1" applyNumberFormat="1" applyFont="1" applyFill="1" applyBorder="1" applyAlignment="1">
      <alignment horizontal="right" vertical="center"/>
    </xf>
    <xf numFmtId="179" fontId="9" fillId="0" borderId="41" xfId="1" applyNumberFormat="1" applyFont="1" applyFill="1" applyBorder="1" applyAlignment="1">
      <alignment horizontal="right" vertical="center"/>
    </xf>
    <xf numFmtId="179" fontId="9" fillId="0" borderId="7" xfId="1" applyNumberFormat="1" applyFont="1" applyFill="1" applyBorder="1" applyAlignment="1">
      <alignment horizontal="right" vertical="center"/>
    </xf>
    <xf numFmtId="179" fontId="9" fillId="0" borderId="40" xfId="1" applyNumberFormat="1" applyFont="1" applyFill="1" applyBorder="1" applyAlignment="1">
      <alignment horizontal="center" vertical="center"/>
    </xf>
    <xf numFmtId="179" fontId="9" fillId="0" borderId="37" xfId="1" applyNumberFormat="1" applyFont="1" applyFill="1" applyBorder="1" applyAlignment="1">
      <alignment horizontal="center" vertical="center"/>
    </xf>
    <xf numFmtId="179" fontId="9" fillId="0" borderId="52" xfId="3" quotePrefix="1" applyNumberFormat="1" applyFont="1" applyBorder="1" applyAlignment="1">
      <alignment horizontal="right" vertical="center"/>
    </xf>
    <xf numFmtId="179" fontId="9" fillId="0" borderId="49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horizontal="right" vertical="center"/>
    </xf>
    <xf numFmtId="179" fontId="9" fillId="0" borderId="47" xfId="3" quotePrefix="1" applyNumberFormat="1" applyFont="1" applyBorder="1" applyAlignment="1">
      <alignment horizontal="right" vertical="center"/>
    </xf>
    <xf numFmtId="179" fontId="9" fillId="0" borderId="49" xfId="3" quotePrefix="1" applyNumberFormat="1" applyFont="1" applyBorder="1" applyAlignment="1">
      <alignment horizontal="center" vertical="center" wrapText="1"/>
    </xf>
    <xf numFmtId="179" fontId="9" fillId="0" borderId="53" xfId="3" quotePrefix="1" applyNumberFormat="1" applyFont="1" applyBorder="1" applyAlignment="1">
      <alignment horizontal="right" vertical="center"/>
    </xf>
    <xf numFmtId="179" fontId="9" fillId="0" borderId="51" xfId="3" quotePrefix="1" applyNumberFormat="1" applyFont="1" applyBorder="1" applyAlignment="1">
      <alignment horizontal="right" vertical="center"/>
    </xf>
    <xf numFmtId="179" fontId="9" fillId="0" borderId="3" xfId="3" quotePrefix="1" applyNumberFormat="1" applyFont="1" applyBorder="1" applyAlignment="1">
      <alignment horizontal="right" vertical="center"/>
    </xf>
    <xf numFmtId="179" fontId="9" fillId="0" borderId="4" xfId="3" quotePrefix="1" applyNumberFormat="1" applyFont="1" applyBorder="1" applyAlignment="1">
      <alignment horizontal="right" vertical="center"/>
    </xf>
    <xf numFmtId="179" fontId="9" fillId="0" borderId="4" xfId="2" applyNumberFormat="1" applyFont="1" applyBorder="1" applyAlignment="1">
      <alignment horizontal="right" vertical="center"/>
    </xf>
    <xf numFmtId="179" fontId="8" fillId="0" borderId="2" xfId="0" applyNumberFormat="1" applyFont="1" applyFill="1" applyBorder="1" applyAlignment="1">
      <alignment horizontal="right" vertical="center"/>
    </xf>
    <xf numFmtId="179" fontId="9" fillId="0" borderId="50" xfId="3" quotePrefix="1" applyNumberFormat="1" applyFont="1" applyBorder="1" applyAlignment="1">
      <alignment horizontal="right" vertical="center"/>
    </xf>
    <xf numFmtId="179" fontId="9" fillId="0" borderId="51" xfId="2" applyNumberFormat="1" applyFont="1" applyBorder="1" applyAlignment="1">
      <alignment horizontal="right" vertical="center"/>
    </xf>
    <xf numFmtId="179" fontId="8" fillId="0" borderId="49" xfId="0" applyNumberFormat="1" applyFont="1" applyFill="1" applyBorder="1" applyAlignment="1">
      <alignment horizontal="right" vertical="center"/>
    </xf>
    <xf numFmtId="179" fontId="8" fillId="0" borderId="48" xfId="0" applyNumberFormat="1" applyFont="1" applyFill="1" applyBorder="1" applyAlignment="1">
      <alignment horizontal="right" vertical="center"/>
    </xf>
    <xf numFmtId="179" fontId="9" fillId="0" borderId="54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horizontal="right" vertical="center"/>
    </xf>
    <xf numFmtId="179" fontId="9" fillId="0" borderId="54" xfId="3" quotePrefix="1" applyNumberFormat="1" applyFont="1" applyBorder="1" applyAlignment="1">
      <alignment horizontal="center" vertical="center" wrapText="1"/>
    </xf>
    <xf numFmtId="179" fontId="9" fillId="0" borderId="56" xfId="3" quotePrefix="1" applyNumberFormat="1" applyFont="1" applyBorder="1" applyAlignment="1">
      <alignment horizontal="right" vertical="center"/>
    </xf>
    <xf numFmtId="179" fontId="9" fillId="0" borderId="57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horizontal="center" vertical="center" wrapText="1"/>
    </xf>
    <xf numFmtId="179" fontId="9" fillId="0" borderId="61" xfId="3" quotePrefix="1" applyNumberFormat="1" applyFont="1" applyBorder="1" applyAlignment="1">
      <alignment horizontal="right" vertical="center"/>
    </xf>
    <xf numFmtId="179" fontId="9" fillId="0" borderId="57" xfId="2" applyNumberFormat="1" applyFont="1" applyBorder="1" applyAlignment="1">
      <alignment horizontal="right" vertical="center"/>
    </xf>
    <xf numFmtId="179" fontId="8" fillId="0" borderId="54" xfId="0" applyNumberFormat="1" applyFont="1" applyFill="1" applyBorder="1" applyAlignment="1">
      <alignment horizontal="right" vertical="center"/>
    </xf>
    <xf numFmtId="179" fontId="8" fillId="0" borderId="60" xfId="0" applyNumberFormat="1" applyFont="1" applyFill="1" applyBorder="1" applyAlignment="1">
      <alignment horizontal="right" vertical="center"/>
    </xf>
    <xf numFmtId="179" fontId="9" fillId="0" borderId="6" xfId="3" quotePrefix="1" applyNumberFormat="1" applyFont="1" applyBorder="1" applyAlignment="1">
      <alignment horizontal="right" vertical="center"/>
    </xf>
    <xf numFmtId="179" fontId="9" fillId="0" borderId="2" xfId="3" quotePrefix="1" applyNumberFormat="1" applyFont="1" applyBorder="1" applyAlignment="1">
      <alignment horizontal="right" vertical="center"/>
    </xf>
    <xf numFmtId="179" fontId="9" fillId="0" borderId="32" xfId="3" quotePrefix="1" applyNumberFormat="1" applyFont="1" applyBorder="1" applyAlignment="1">
      <alignment horizontal="right" vertical="center"/>
    </xf>
    <xf numFmtId="179" fontId="9" fillId="0" borderId="63" xfId="3" quotePrefix="1" applyNumberFormat="1" applyFont="1" applyBorder="1" applyAlignment="1">
      <alignment horizontal="right" vertical="center"/>
    </xf>
    <xf numFmtId="179" fontId="9" fillId="0" borderId="60" xfId="3" quotePrefix="1" applyNumberFormat="1" applyFont="1" applyBorder="1" applyAlignment="1">
      <alignment horizontal="right" vertical="center"/>
    </xf>
    <xf numFmtId="179" fontId="9" fillId="0" borderId="64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horizontal="right" vertical="center"/>
    </xf>
    <xf numFmtId="179" fontId="9" fillId="0" borderId="13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right" vertical="center"/>
    </xf>
    <xf numFmtId="179" fontId="9" fillId="0" borderId="11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center" vertical="center" wrapText="1"/>
    </xf>
    <xf numFmtId="179" fontId="9" fillId="0" borderId="12" xfId="3" quotePrefix="1" applyNumberFormat="1" applyFont="1" applyBorder="1" applyAlignment="1">
      <alignment horizontal="right" vertical="center"/>
    </xf>
    <xf numFmtId="179" fontId="9" fillId="0" borderId="10" xfId="3" quotePrefix="1" applyNumberFormat="1" applyFont="1" applyBorder="1" applyAlignment="1">
      <alignment horizontal="right" vertical="center"/>
    </xf>
    <xf numFmtId="179" fontId="9" fillId="0" borderId="55" xfId="3" quotePrefix="1" applyNumberFormat="1" applyFont="1" applyBorder="1" applyAlignment="1">
      <alignment horizontal="right" vertical="center"/>
    </xf>
    <xf numFmtId="179" fontId="9" fillId="0" borderId="10" xfId="2" applyNumberFormat="1" applyFont="1" applyBorder="1" applyAlignment="1">
      <alignment horizontal="right" vertical="center"/>
    </xf>
    <xf numFmtId="179" fontId="8" fillId="0" borderId="8" xfId="0" applyNumberFormat="1" applyFont="1" applyFill="1" applyBorder="1" applyAlignment="1">
      <alignment horizontal="right" vertical="center"/>
    </xf>
    <xf numFmtId="180" fontId="9" fillId="0" borderId="35" xfId="1" applyNumberFormat="1" applyFont="1" applyFill="1" applyBorder="1" applyAlignment="1">
      <alignment horizontal="right" vertical="center"/>
    </xf>
    <xf numFmtId="180" fontId="8" fillId="0" borderId="9" xfId="0" applyNumberFormat="1" applyFont="1" applyFill="1" applyBorder="1" applyAlignment="1">
      <alignment horizontal="right" vertical="center"/>
    </xf>
    <xf numFmtId="180" fontId="8" fillId="0" borderId="5" xfId="0" applyNumberFormat="1" applyFont="1" applyFill="1" applyBorder="1" applyAlignment="1">
      <alignment horizontal="right" vertical="center"/>
    </xf>
    <xf numFmtId="0" fontId="9" fillId="0" borderId="69" xfId="2" applyFont="1" applyBorder="1" applyAlignment="1">
      <alignment horizontal="center" vertical="center"/>
    </xf>
    <xf numFmtId="0" fontId="9" fillId="0" borderId="70" xfId="2" applyFont="1" applyBorder="1" applyAlignment="1">
      <alignment vertical="center"/>
    </xf>
    <xf numFmtId="0" fontId="9" fillId="0" borderId="71" xfId="2" applyFont="1" applyBorder="1" applyAlignment="1">
      <alignment horizontal="center" vertical="center"/>
    </xf>
    <xf numFmtId="179" fontId="9" fillId="0" borderId="72" xfId="3" quotePrefix="1" applyNumberFormat="1" applyFont="1" applyBorder="1" applyAlignment="1">
      <alignment horizontal="right" vertical="center"/>
    </xf>
    <xf numFmtId="179" fontId="9" fillId="0" borderId="73" xfId="3" quotePrefix="1" applyNumberFormat="1" applyFont="1" applyBorder="1" applyAlignment="1">
      <alignment horizontal="right" vertical="center"/>
    </xf>
    <xf numFmtId="179" fontId="9" fillId="0" borderId="75" xfId="3" quotePrefix="1" applyNumberFormat="1" applyFont="1" applyBorder="1" applyAlignment="1">
      <alignment horizontal="right" vertical="center"/>
    </xf>
    <xf numFmtId="179" fontId="9" fillId="0" borderId="73" xfId="3" quotePrefix="1" applyNumberFormat="1" applyFont="1" applyBorder="1" applyAlignment="1">
      <alignment horizontal="center" vertical="center" wrapText="1"/>
    </xf>
    <xf numFmtId="179" fontId="9" fillId="0" borderId="76" xfId="3" quotePrefix="1" applyNumberFormat="1" applyFont="1" applyBorder="1" applyAlignment="1">
      <alignment horizontal="right" vertical="center"/>
    </xf>
    <xf numFmtId="179" fontId="9" fillId="0" borderId="77" xfId="3" quotePrefix="1" applyNumberFormat="1" applyFont="1" applyBorder="1" applyAlignment="1">
      <alignment horizontal="right" vertical="center"/>
    </xf>
    <xf numFmtId="179" fontId="9" fillId="0" borderId="78" xfId="3" quotePrefix="1" applyNumberFormat="1" applyFont="1" applyBorder="1" applyAlignment="1">
      <alignment horizontal="right" vertical="center"/>
    </xf>
    <xf numFmtId="179" fontId="9" fillId="0" borderId="77" xfId="2" applyNumberFormat="1" applyFont="1" applyBorder="1" applyAlignment="1">
      <alignment horizontal="right" vertical="center"/>
    </xf>
    <xf numFmtId="180" fontId="8" fillId="0" borderId="73" xfId="0" applyNumberFormat="1" applyFont="1" applyFill="1" applyBorder="1" applyAlignment="1">
      <alignment horizontal="right" vertical="center"/>
    </xf>
    <xf numFmtId="179" fontId="8" fillId="0" borderId="74" xfId="0" applyNumberFormat="1" applyFont="1" applyFill="1" applyBorder="1" applyAlignment="1">
      <alignment horizontal="right" vertical="center"/>
    </xf>
    <xf numFmtId="180" fontId="8" fillId="0" borderId="54" xfId="0" applyNumberFormat="1" applyFont="1" applyFill="1" applyBorder="1" applyAlignment="1">
      <alignment horizontal="right" vertical="center"/>
    </xf>
    <xf numFmtId="180" fontId="8" fillId="0" borderId="79" xfId="0" applyNumberFormat="1" applyFont="1" applyFill="1" applyBorder="1" applyAlignment="1">
      <alignment horizontal="right" vertical="center"/>
    </xf>
    <xf numFmtId="180" fontId="8" fillId="0" borderId="74" xfId="0" applyNumberFormat="1" applyFont="1" applyFill="1" applyBorder="1" applyAlignment="1">
      <alignment horizontal="right" vertical="center"/>
    </xf>
    <xf numFmtId="180" fontId="8" fillId="0" borderId="60" xfId="0" applyNumberFormat="1" applyFont="1" applyFill="1" applyBorder="1" applyAlignment="1">
      <alignment horizontal="right" vertical="center"/>
    </xf>
    <xf numFmtId="0" fontId="11" fillId="0" borderId="15" xfId="1" applyFont="1" applyBorder="1" applyAlignment="1">
      <alignment horizontal="right"/>
    </xf>
    <xf numFmtId="0" fontId="13" fillId="0" borderId="15" xfId="1" applyFont="1" applyBorder="1" applyAlignment="1"/>
    <xf numFmtId="0" fontId="0" fillId="0" borderId="15" xfId="0" applyBorder="1" applyAlignment="1"/>
    <xf numFmtId="0" fontId="9" fillId="0" borderId="7" xfId="1" applyFont="1" applyBorder="1" applyAlignment="1">
      <alignment horizontal="center" vertical="center"/>
    </xf>
    <xf numFmtId="0" fontId="0" fillId="0" borderId="35" xfId="0" applyBorder="1" applyAlignment="1">
      <alignment horizontal="center" vertical="center"/>
    </xf>
    <xf numFmtId="0" fontId="7" fillId="0" borderId="39" xfId="1" applyFont="1" applyFill="1" applyBorder="1" applyAlignment="1">
      <alignment horizontal="center" vertical="center"/>
    </xf>
    <xf numFmtId="0" fontId="5" fillId="0" borderId="17" xfId="2" applyBorder="1" applyAlignment="1">
      <alignment horizontal="center" vertical="center"/>
    </xf>
    <xf numFmtId="0" fontId="5" fillId="0" borderId="27" xfId="1" applyFont="1" applyFill="1" applyBorder="1" applyAlignment="1">
      <alignment horizontal="center" vertical="center" wrapText="1"/>
    </xf>
    <xf numFmtId="0" fontId="5" fillId="0" borderId="5" xfId="1" applyFont="1" applyFill="1" applyBorder="1" applyAlignment="1">
      <alignment horizontal="center" vertical="center" wrapText="1"/>
    </xf>
    <xf numFmtId="0" fontId="5" fillId="0" borderId="9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7" fillId="0" borderId="24" xfId="1" applyFont="1" applyFill="1" applyBorder="1" applyAlignment="1">
      <alignment horizontal="center"/>
    </xf>
    <xf numFmtId="0" fontId="5" fillId="0" borderId="23" xfId="2" applyBorder="1" applyAlignment="1">
      <alignment horizontal="center"/>
    </xf>
    <xf numFmtId="0" fontId="7" fillId="0" borderId="27" xfId="1" applyFont="1" applyFill="1" applyBorder="1" applyAlignment="1">
      <alignment horizontal="center" vertical="center" wrapText="1"/>
    </xf>
    <xf numFmtId="0" fontId="0" fillId="0" borderId="43" xfId="0" applyBorder="1" applyAlignment="1">
      <alignment horizontal="center" vertical="center"/>
    </xf>
    <xf numFmtId="0" fontId="7" fillId="0" borderId="29" xfId="1" applyFont="1" applyFill="1" applyBorder="1" applyAlignment="1">
      <alignment horizontal="center" vertical="center" wrapText="1"/>
    </xf>
    <xf numFmtId="0" fontId="27" fillId="0" borderId="42" xfId="0" applyFont="1" applyBorder="1" applyAlignment="1">
      <alignment horizontal="center" vertical="center"/>
    </xf>
  </cellXfs>
  <cellStyles count="13">
    <cellStyle name="Calc Currency (0)" xfId="4"/>
    <cellStyle name="entry" xfId="5"/>
    <cellStyle name="Header1" xfId="6"/>
    <cellStyle name="Header2" xfId="7"/>
    <cellStyle name="Normal_#18-Internet" xfId="8"/>
    <cellStyle name="price" xfId="9"/>
    <cellStyle name="revised" xfId="10"/>
    <cellStyle name="section" xfId="11"/>
    <cellStyle name="title" xfId="12"/>
    <cellStyle name="標準" xfId="0" builtinId="0"/>
    <cellStyle name="標準 2" xfId="2"/>
    <cellStyle name="標準_suii" xfId="3"/>
    <cellStyle name="標準_表10-12改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66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9.125" customWidth="1"/>
    <col min="21" max="23" width="9.125" bestFit="1" customWidth="1"/>
    <col min="24" max="25" width="7.625" customWidth="1"/>
  </cols>
  <sheetData>
    <row r="1" spans="1:25" ht="25.15" customHeight="1">
      <c r="A1" s="62" t="s">
        <v>24</v>
      </c>
      <c r="B1" s="61"/>
      <c r="C1" s="60"/>
      <c r="D1" s="60"/>
      <c r="E1" s="60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  <c r="Q1" s="24"/>
      <c r="R1" s="58" t="s">
        <v>23</v>
      </c>
      <c r="S1" s="58"/>
      <c r="T1" s="58"/>
      <c r="U1" s="57"/>
      <c r="V1" s="55"/>
      <c r="W1" s="56"/>
      <c r="X1" s="55"/>
      <c r="Y1" s="54"/>
    </row>
    <row r="2" spans="1:25" ht="25.15" customHeight="1">
      <c r="A2" s="59"/>
      <c r="B2" s="54"/>
      <c r="C2" s="24"/>
      <c r="D2" s="24"/>
      <c r="E2" s="24"/>
      <c r="F2" s="24"/>
      <c r="G2" s="24"/>
      <c r="H2" s="24"/>
      <c r="I2" s="24"/>
      <c r="J2" s="24"/>
      <c r="K2" s="24"/>
      <c r="L2" s="24"/>
      <c r="M2" s="24"/>
      <c r="N2" s="24"/>
      <c r="O2" s="24"/>
      <c r="P2" s="24"/>
      <c r="Q2" s="24"/>
      <c r="R2" s="58"/>
      <c r="S2" s="58"/>
      <c r="T2" s="58"/>
      <c r="U2" s="57"/>
      <c r="V2" s="55"/>
      <c r="W2" s="56"/>
      <c r="X2" s="55"/>
      <c r="Y2" s="54"/>
    </row>
    <row r="3" spans="1:25" ht="25.15" customHeight="1" thickBot="1">
      <c r="A3" s="161" t="s">
        <v>22</v>
      </c>
      <c r="B3" s="162"/>
      <c r="C3" s="25"/>
      <c r="D3" s="53"/>
      <c r="E3" s="53"/>
      <c r="F3" s="53"/>
      <c r="G3" s="53"/>
      <c r="H3" s="68"/>
      <c r="I3" s="53"/>
      <c r="J3" s="53"/>
      <c r="K3" s="53"/>
      <c r="L3" s="53"/>
      <c r="M3" s="53"/>
      <c r="N3" s="53"/>
      <c r="O3" s="53"/>
      <c r="P3" s="53"/>
      <c r="Q3" s="53"/>
      <c r="R3" s="53"/>
      <c r="S3" s="53"/>
      <c r="T3" s="53"/>
      <c r="U3" s="160" t="s">
        <v>42</v>
      </c>
      <c r="V3" s="160"/>
      <c r="W3" s="160"/>
      <c r="X3" s="160"/>
      <c r="Y3" s="160"/>
    </row>
    <row r="4" spans="1:25" ht="31.5" customHeight="1">
      <c r="A4" s="52"/>
      <c r="B4" s="51"/>
      <c r="C4" s="50"/>
      <c r="D4" s="49"/>
      <c r="E4" s="48"/>
      <c r="F4" s="66"/>
      <c r="G4" s="63"/>
      <c r="H4" s="48"/>
      <c r="I4" s="48" t="s">
        <v>21</v>
      </c>
      <c r="J4" s="48" t="s">
        <v>20</v>
      </c>
      <c r="K4" s="167" t="s">
        <v>19</v>
      </c>
      <c r="L4" s="167" t="s">
        <v>18</v>
      </c>
      <c r="M4" s="48" t="s">
        <v>17</v>
      </c>
      <c r="N4" s="48"/>
      <c r="O4" s="167" t="s">
        <v>16</v>
      </c>
      <c r="P4" s="47"/>
      <c r="Q4" s="170" t="s">
        <v>15</v>
      </c>
      <c r="R4" s="171"/>
      <c r="S4" s="176" t="s">
        <v>30</v>
      </c>
      <c r="T4" s="178" t="s">
        <v>32</v>
      </c>
      <c r="U4" s="174" t="s">
        <v>14</v>
      </c>
      <c r="V4" s="175"/>
      <c r="W4" s="46" t="s">
        <v>13</v>
      </c>
      <c r="X4" s="45"/>
      <c r="Y4" s="44"/>
    </row>
    <row r="5" spans="1:25" ht="31.5" customHeight="1">
      <c r="A5" s="43" t="s">
        <v>12</v>
      </c>
      <c r="B5" s="25"/>
      <c r="C5" s="42"/>
      <c r="D5" s="41" t="s">
        <v>1</v>
      </c>
      <c r="E5" s="40" t="s">
        <v>29</v>
      </c>
      <c r="F5" s="71" t="s">
        <v>33</v>
      </c>
      <c r="G5" s="64" t="s">
        <v>2</v>
      </c>
      <c r="H5" s="40" t="s">
        <v>0</v>
      </c>
      <c r="I5" s="40" t="s">
        <v>11</v>
      </c>
      <c r="J5" s="40" t="s">
        <v>11</v>
      </c>
      <c r="K5" s="168"/>
      <c r="L5" s="168"/>
      <c r="M5" s="40" t="s">
        <v>11</v>
      </c>
      <c r="N5" s="40" t="s">
        <v>10</v>
      </c>
      <c r="O5" s="168"/>
      <c r="P5" s="39" t="s">
        <v>9</v>
      </c>
      <c r="Q5" s="172"/>
      <c r="R5" s="173"/>
      <c r="S5" s="177"/>
      <c r="T5" s="179"/>
      <c r="U5" s="165" t="s">
        <v>8</v>
      </c>
      <c r="V5" s="166"/>
      <c r="W5" s="38" t="s">
        <v>1</v>
      </c>
      <c r="X5" s="37" t="s">
        <v>7</v>
      </c>
      <c r="Y5" s="72" t="s">
        <v>35</v>
      </c>
    </row>
    <row r="6" spans="1:25" ht="31.5" customHeight="1" thickBot="1">
      <c r="A6" s="36"/>
      <c r="B6" s="35"/>
      <c r="C6" s="34"/>
      <c r="D6" s="33"/>
      <c r="E6" s="27" t="s">
        <v>6</v>
      </c>
      <c r="F6" s="73" t="s">
        <v>37</v>
      </c>
      <c r="G6" s="65"/>
      <c r="H6" s="32"/>
      <c r="I6" s="27" t="s">
        <v>5</v>
      </c>
      <c r="J6" s="67" t="s">
        <v>4</v>
      </c>
      <c r="K6" s="169"/>
      <c r="L6" s="168"/>
      <c r="M6" s="27" t="s">
        <v>3</v>
      </c>
      <c r="N6" s="32"/>
      <c r="O6" s="169"/>
      <c r="P6" s="31"/>
      <c r="Q6" s="30" t="s">
        <v>1</v>
      </c>
      <c r="R6" s="27" t="s">
        <v>2</v>
      </c>
      <c r="S6" s="29" t="s">
        <v>31</v>
      </c>
      <c r="T6" s="70" t="s">
        <v>31</v>
      </c>
      <c r="U6" s="29" t="s">
        <v>1</v>
      </c>
      <c r="V6" s="27" t="s">
        <v>0</v>
      </c>
      <c r="W6" s="28"/>
      <c r="X6" s="27" t="s">
        <v>34</v>
      </c>
      <c r="Y6" s="73" t="s">
        <v>37</v>
      </c>
    </row>
    <row r="7" spans="1:25" ht="25.15" customHeight="1" thickBot="1">
      <c r="A7" s="81" t="s">
        <v>38</v>
      </c>
      <c r="B7" s="163" t="s">
        <v>26</v>
      </c>
      <c r="C7" s="164"/>
      <c r="D7" s="88">
        <v>99.7</v>
      </c>
      <c r="E7" s="89" t="s">
        <v>28</v>
      </c>
      <c r="F7" s="90">
        <v>-0.3</v>
      </c>
      <c r="G7" s="91">
        <v>99.5</v>
      </c>
      <c r="H7" s="91">
        <v>100.4</v>
      </c>
      <c r="I7" s="91">
        <v>100.5</v>
      </c>
      <c r="J7" s="91">
        <v>103.9</v>
      </c>
      <c r="K7" s="91">
        <v>99.7</v>
      </c>
      <c r="L7" s="92">
        <v>99.8</v>
      </c>
      <c r="M7" s="91">
        <v>94.7</v>
      </c>
      <c r="N7" s="93">
        <v>99.7</v>
      </c>
      <c r="O7" s="91">
        <v>101.8</v>
      </c>
      <c r="P7" s="94">
        <v>101.4</v>
      </c>
      <c r="Q7" s="91">
        <v>99.8</v>
      </c>
      <c r="R7" s="91">
        <v>99.9</v>
      </c>
      <c r="S7" s="133">
        <v>99.6</v>
      </c>
      <c r="T7" s="95">
        <v>99.5</v>
      </c>
      <c r="U7" s="91">
        <v>99.6</v>
      </c>
      <c r="V7" s="96">
        <v>101.5</v>
      </c>
      <c r="W7" s="97">
        <v>99.8</v>
      </c>
      <c r="X7" s="98" t="s">
        <v>27</v>
      </c>
      <c r="Y7" s="140">
        <v>-0.2</v>
      </c>
    </row>
    <row r="8" spans="1:25" s="1" customFormat="1" ht="24.75" customHeight="1">
      <c r="A8" s="85"/>
      <c r="B8" s="86">
        <v>5</v>
      </c>
      <c r="C8" s="87" t="s">
        <v>39</v>
      </c>
      <c r="D8" s="127" t="s">
        <v>52</v>
      </c>
      <c r="E8" s="114" t="s">
        <v>60</v>
      </c>
      <c r="F8" s="128" t="s">
        <v>47</v>
      </c>
      <c r="G8" s="129" t="s">
        <v>57</v>
      </c>
      <c r="H8" s="114" t="s">
        <v>58</v>
      </c>
      <c r="I8" s="114" t="s">
        <v>50</v>
      </c>
      <c r="J8" s="114" t="s">
        <v>62</v>
      </c>
      <c r="K8" s="114" t="s">
        <v>58</v>
      </c>
      <c r="L8" s="114" t="s">
        <v>49</v>
      </c>
      <c r="M8" s="114" t="s">
        <v>64</v>
      </c>
      <c r="N8" s="116" t="s">
        <v>50</v>
      </c>
      <c r="O8" s="114" t="s">
        <v>66</v>
      </c>
      <c r="P8" s="130" t="s">
        <v>53</v>
      </c>
      <c r="Q8" s="118" t="s">
        <v>51</v>
      </c>
      <c r="R8" s="114" t="s">
        <v>50</v>
      </c>
      <c r="S8" s="114" t="s">
        <v>48</v>
      </c>
      <c r="T8" s="117" t="s">
        <v>52</v>
      </c>
      <c r="U8" s="118" t="s">
        <v>55</v>
      </c>
      <c r="V8" s="117" t="s">
        <v>54</v>
      </c>
      <c r="W8" s="121" t="s">
        <v>48</v>
      </c>
      <c r="X8" s="122" t="s">
        <v>45</v>
      </c>
      <c r="Y8" s="123" t="s">
        <v>47</v>
      </c>
    </row>
    <row r="9" spans="1:25" s="1" customFormat="1" ht="24.75" customHeight="1">
      <c r="A9" s="85"/>
      <c r="B9" s="86">
        <v>6</v>
      </c>
      <c r="C9" s="87" t="s">
        <v>41</v>
      </c>
      <c r="D9" s="127" t="s">
        <v>48</v>
      </c>
      <c r="E9" s="114" t="s">
        <v>43</v>
      </c>
      <c r="F9" s="128" t="s">
        <v>59</v>
      </c>
      <c r="G9" s="129" t="s">
        <v>55</v>
      </c>
      <c r="H9" s="114" t="s">
        <v>58</v>
      </c>
      <c r="I9" s="114" t="s">
        <v>61</v>
      </c>
      <c r="J9" s="114" t="s">
        <v>63</v>
      </c>
      <c r="K9" s="114" t="s">
        <v>56</v>
      </c>
      <c r="L9" s="114" t="s">
        <v>46</v>
      </c>
      <c r="M9" s="114" t="s">
        <v>65</v>
      </c>
      <c r="N9" s="116" t="s">
        <v>49</v>
      </c>
      <c r="O9" s="114" t="s">
        <v>61</v>
      </c>
      <c r="P9" s="130" t="s">
        <v>61</v>
      </c>
      <c r="Q9" s="118" t="s">
        <v>48</v>
      </c>
      <c r="R9" s="114" t="s">
        <v>52</v>
      </c>
      <c r="S9" s="114" t="s">
        <v>55</v>
      </c>
      <c r="T9" s="117" t="s">
        <v>57</v>
      </c>
      <c r="U9" s="118" t="s">
        <v>55</v>
      </c>
      <c r="V9" s="117" t="s">
        <v>53</v>
      </c>
      <c r="W9" s="121" t="s">
        <v>51</v>
      </c>
      <c r="X9" s="122" t="s">
        <v>44</v>
      </c>
      <c r="Y9" s="123" t="s">
        <v>67</v>
      </c>
    </row>
    <row r="10" spans="1:25" s="1" customFormat="1" ht="24.75" customHeight="1">
      <c r="A10" s="74"/>
      <c r="B10" s="75">
        <v>7</v>
      </c>
      <c r="C10" s="76" t="s">
        <v>40</v>
      </c>
      <c r="D10" s="99">
        <v>99.5</v>
      </c>
      <c r="E10" s="100">
        <v>0.2</v>
      </c>
      <c r="F10" s="101">
        <v>-0.5</v>
      </c>
      <c r="G10" s="102">
        <v>98.7</v>
      </c>
      <c r="H10" s="100">
        <v>100.4</v>
      </c>
      <c r="I10" s="100">
        <v>101.1</v>
      </c>
      <c r="J10" s="100">
        <v>105.1</v>
      </c>
      <c r="K10" s="100">
        <v>99.5</v>
      </c>
      <c r="L10" s="100">
        <v>100.2</v>
      </c>
      <c r="M10" s="100">
        <v>94</v>
      </c>
      <c r="N10" s="103">
        <v>100.3</v>
      </c>
      <c r="O10" s="100">
        <v>102.7</v>
      </c>
      <c r="P10" s="104">
        <v>101.1</v>
      </c>
      <c r="Q10" s="105">
        <v>99.7</v>
      </c>
      <c r="R10" s="100">
        <v>99.3</v>
      </c>
      <c r="S10" s="100">
        <v>99.5</v>
      </c>
      <c r="T10" s="110">
        <v>99.5</v>
      </c>
      <c r="U10" s="105">
        <v>99.4</v>
      </c>
      <c r="V10" s="110">
        <v>101.5</v>
      </c>
      <c r="W10" s="111">
        <v>99.7</v>
      </c>
      <c r="X10" s="112">
        <v>0.2</v>
      </c>
      <c r="Y10" s="113">
        <v>-0.3</v>
      </c>
    </row>
    <row r="11" spans="1:25" s="1" customFormat="1" ht="24.75" customHeight="1">
      <c r="A11" s="82"/>
      <c r="B11" s="83">
        <v>8</v>
      </c>
      <c r="C11" s="84" t="s">
        <v>69</v>
      </c>
      <c r="D11" s="124">
        <v>99.7</v>
      </c>
      <c r="E11" s="115">
        <v>0.2</v>
      </c>
      <c r="F11" s="125">
        <v>-0.4</v>
      </c>
      <c r="G11" s="126">
        <v>99.4</v>
      </c>
      <c r="H11" s="115">
        <v>100.4</v>
      </c>
      <c r="I11" s="115">
        <v>101.1</v>
      </c>
      <c r="J11" s="115">
        <v>106</v>
      </c>
      <c r="K11" s="115">
        <v>98.4</v>
      </c>
      <c r="L11" s="115">
        <v>100</v>
      </c>
      <c r="M11" s="115">
        <v>93.5</v>
      </c>
      <c r="N11" s="119">
        <v>100.3</v>
      </c>
      <c r="O11" s="115">
        <v>103.1</v>
      </c>
      <c r="P11" s="106">
        <v>101.5</v>
      </c>
      <c r="Q11" s="107">
        <v>99.8</v>
      </c>
      <c r="R11" s="115">
        <v>99.8</v>
      </c>
      <c r="S11" s="115">
        <v>99.6</v>
      </c>
      <c r="T11" s="120">
        <v>99.5</v>
      </c>
      <c r="U11" s="107">
        <v>99.6</v>
      </c>
      <c r="V11" s="120">
        <v>101.5</v>
      </c>
      <c r="W11" s="108">
        <v>99.7</v>
      </c>
      <c r="X11" s="142">
        <v>0</v>
      </c>
      <c r="Y11" s="109">
        <v>-0.4</v>
      </c>
    </row>
    <row r="12" spans="1:25" s="1" customFormat="1" ht="24.75" customHeight="1">
      <c r="A12" s="85"/>
      <c r="B12" s="86">
        <v>9</v>
      </c>
      <c r="C12" s="87" t="s">
        <v>39</v>
      </c>
      <c r="D12" s="127">
        <v>100.1</v>
      </c>
      <c r="E12" s="114">
        <v>0.4</v>
      </c>
      <c r="F12" s="128">
        <v>0.2</v>
      </c>
      <c r="G12" s="129">
        <v>101.1</v>
      </c>
      <c r="H12" s="114">
        <v>100.5</v>
      </c>
      <c r="I12" s="114">
        <v>102.3</v>
      </c>
      <c r="J12" s="114">
        <v>103.6</v>
      </c>
      <c r="K12" s="114">
        <v>99.7</v>
      </c>
      <c r="L12" s="114">
        <v>99.7</v>
      </c>
      <c r="M12" s="114">
        <v>93.3</v>
      </c>
      <c r="N12" s="116">
        <v>100.3</v>
      </c>
      <c r="O12" s="114">
        <v>102</v>
      </c>
      <c r="P12" s="130">
        <v>101.5</v>
      </c>
      <c r="Q12" s="118">
        <v>99.8</v>
      </c>
      <c r="R12" s="114">
        <v>100.2</v>
      </c>
      <c r="S12" s="114">
        <v>99.4</v>
      </c>
      <c r="T12" s="117">
        <v>99.2</v>
      </c>
      <c r="U12" s="118">
        <v>100.1</v>
      </c>
      <c r="V12" s="117">
        <v>101.7</v>
      </c>
      <c r="W12" s="121">
        <v>100.1</v>
      </c>
      <c r="X12" s="156">
        <v>0.4</v>
      </c>
      <c r="Y12" s="123">
        <v>0.2</v>
      </c>
    </row>
    <row r="13" spans="1:25" s="1" customFormat="1" ht="24.75" customHeight="1">
      <c r="A13" s="85"/>
      <c r="B13" s="86">
        <v>10</v>
      </c>
      <c r="C13" s="87" t="s">
        <v>25</v>
      </c>
      <c r="D13" s="127">
        <v>99.7</v>
      </c>
      <c r="E13" s="114">
        <v>-0.3</v>
      </c>
      <c r="F13" s="128">
        <v>-0.3</v>
      </c>
      <c r="G13" s="129">
        <v>100.1</v>
      </c>
      <c r="H13" s="114">
        <v>100.4</v>
      </c>
      <c r="I13" s="114">
        <v>103.6</v>
      </c>
      <c r="J13" s="114">
        <v>102.1</v>
      </c>
      <c r="K13" s="114">
        <v>100.4</v>
      </c>
      <c r="L13" s="114">
        <v>99.7</v>
      </c>
      <c r="M13" s="114">
        <v>92</v>
      </c>
      <c r="N13" s="116">
        <v>100.3</v>
      </c>
      <c r="O13" s="114">
        <v>102.3</v>
      </c>
      <c r="P13" s="130">
        <v>101.9</v>
      </c>
      <c r="Q13" s="118">
        <v>99.8</v>
      </c>
      <c r="R13" s="114">
        <v>100.4</v>
      </c>
      <c r="S13" s="114">
        <v>99.3</v>
      </c>
      <c r="T13" s="117">
        <v>98.9</v>
      </c>
      <c r="U13" s="118">
        <v>99.6</v>
      </c>
      <c r="V13" s="117">
        <v>101.4</v>
      </c>
      <c r="W13" s="121">
        <v>99.9</v>
      </c>
      <c r="X13" s="156">
        <v>-0.2</v>
      </c>
      <c r="Y13" s="123">
        <v>0.1</v>
      </c>
    </row>
    <row r="14" spans="1:25" s="1" customFormat="1" ht="24.75" customHeight="1">
      <c r="A14" s="85"/>
      <c r="B14" s="86">
        <v>11</v>
      </c>
      <c r="C14" s="87" t="s">
        <v>25</v>
      </c>
      <c r="D14" s="127">
        <v>100</v>
      </c>
      <c r="E14" s="114">
        <v>0.3</v>
      </c>
      <c r="F14" s="128">
        <v>0.3</v>
      </c>
      <c r="G14" s="129">
        <v>100.9</v>
      </c>
      <c r="H14" s="114">
        <v>100.3</v>
      </c>
      <c r="I14" s="114">
        <v>105.5</v>
      </c>
      <c r="J14" s="114">
        <v>101.8</v>
      </c>
      <c r="K14" s="114">
        <v>100.3</v>
      </c>
      <c r="L14" s="114">
        <v>99.7</v>
      </c>
      <c r="M14" s="114">
        <v>92.3</v>
      </c>
      <c r="N14" s="116">
        <v>100.3</v>
      </c>
      <c r="O14" s="114">
        <v>101.7</v>
      </c>
      <c r="P14" s="130">
        <v>102.2</v>
      </c>
      <c r="Q14" s="118">
        <v>100</v>
      </c>
      <c r="R14" s="114">
        <v>101.1</v>
      </c>
      <c r="S14" s="114">
        <v>99.3</v>
      </c>
      <c r="T14" s="117">
        <v>98.8</v>
      </c>
      <c r="U14" s="118">
        <v>100</v>
      </c>
      <c r="V14" s="117">
        <v>101.3</v>
      </c>
      <c r="W14" s="121">
        <v>100.1</v>
      </c>
      <c r="X14" s="156">
        <v>0.2</v>
      </c>
      <c r="Y14" s="123">
        <v>0.6</v>
      </c>
    </row>
    <row r="15" spans="1:25" s="1" customFormat="1" ht="24.75" customHeight="1">
      <c r="A15" s="85"/>
      <c r="B15" s="86">
        <v>12</v>
      </c>
      <c r="C15" s="87" t="s">
        <v>39</v>
      </c>
      <c r="D15" s="127">
        <v>99.7</v>
      </c>
      <c r="E15" s="114">
        <v>-0.3</v>
      </c>
      <c r="F15" s="128">
        <v>0.3</v>
      </c>
      <c r="G15" s="129">
        <v>99.9</v>
      </c>
      <c r="H15" s="114">
        <v>100.4</v>
      </c>
      <c r="I15" s="114">
        <v>106.2</v>
      </c>
      <c r="J15" s="114">
        <v>100</v>
      </c>
      <c r="K15" s="114">
        <v>98.5</v>
      </c>
      <c r="L15" s="114">
        <v>99.5</v>
      </c>
      <c r="M15" s="114">
        <v>92.1</v>
      </c>
      <c r="N15" s="116">
        <v>100.3</v>
      </c>
      <c r="O15" s="114">
        <v>102</v>
      </c>
      <c r="P15" s="130">
        <v>102</v>
      </c>
      <c r="Q15" s="118">
        <v>99.7</v>
      </c>
      <c r="R15" s="114">
        <v>100.2</v>
      </c>
      <c r="S15" s="114">
        <v>99</v>
      </c>
      <c r="T15" s="117">
        <v>98.6</v>
      </c>
      <c r="U15" s="118">
        <v>99.6</v>
      </c>
      <c r="V15" s="117">
        <v>101.6</v>
      </c>
      <c r="W15" s="121">
        <v>100.1</v>
      </c>
      <c r="X15" s="156">
        <v>0</v>
      </c>
      <c r="Y15" s="123">
        <v>0.8</v>
      </c>
    </row>
    <row r="16" spans="1:25" s="1" customFormat="1" ht="24.75" customHeight="1">
      <c r="A16" s="85" t="s">
        <v>70</v>
      </c>
      <c r="B16" s="86">
        <v>1</v>
      </c>
      <c r="C16" s="87" t="s">
        <v>25</v>
      </c>
      <c r="D16" s="127">
        <v>99.9</v>
      </c>
      <c r="E16" s="114">
        <v>0.2</v>
      </c>
      <c r="F16" s="128">
        <v>0</v>
      </c>
      <c r="G16" s="129">
        <v>100.7</v>
      </c>
      <c r="H16" s="114">
        <v>100.3</v>
      </c>
      <c r="I16" s="114">
        <v>107.7</v>
      </c>
      <c r="J16" s="114">
        <v>98.5</v>
      </c>
      <c r="K16" s="114">
        <v>98.4</v>
      </c>
      <c r="L16" s="114">
        <v>99.2</v>
      </c>
      <c r="M16" s="114">
        <v>92</v>
      </c>
      <c r="N16" s="116">
        <v>100.3</v>
      </c>
      <c r="O16" s="114">
        <v>102.1</v>
      </c>
      <c r="P16" s="130">
        <v>102</v>
      </c>
      <c r="Q16" s="118">
        <v>99.8</v>
      </c>
      <c r="R16" s="114">
        <v>100.3</v>
      </c>
      <c r="S16" s="114">
        <v>98.9</v>
      </c>
      <c r="T16" s="117">
        <v>98.5</v>
      </c>
      <c r="U16" s="118">
        <v>99.8</v>
      </c>
      <c r="V16" s="117">
        <v>101.3</v>
      </c>
      <c r="W16" s="121">
        <v>100.3</v>
      </c>
      <c r="X16" s="156">
        <v>0.3</v>
      </c>
      <c r="Y16" s="123">
        <v>0.5</v>
      </c>
    </row>
    <row r="17" spans="1:26" s="1" customFormat="1" ht="24.75" customHeight="1">
      <c r="A17" s="85"/>
      <c r="B17" s="86">
        <v>2</v>
      </c>
      <c r="C17" s="87" t="s">
        <v>68</v>
      </c>
      <c r="D17" s="127">
        <v>100.4</v>
      </c>
      <c r="E17" s="114">
        <v>0.5</v>
      </c>
      <c r="F17" s="159">
        <v>0.6</v>
      </c>
      <c r="G17" s="129">
        <v>101.5</v>
      </c>
      <c r="H17" s="114">
        <v>100.3</v>
      </c>
      <c r="I17" s="114">
        <v>110.8</v>
      </c>
      <c r="J17" s="114">
        <v>98.7</v>
      </c>
      <c r="K17" s="114">
        <v>98</v>
      </c>
      <c r="L17" s="114">
        <v>99.6</v>
      </c>
      <c r="M17" s="114">
        <v>92.1</v>
      </c>
      <c r="N17" s="116">
        <v>100.3</v>
      </c>
      <c r="O17" s="114">
        <v>102.3</v>
      </c>
      <c r="P17" s="130">
        <v>101.6</v>
      </c>
      <c r="Q17" s="118">
        <v>100.2</v>
      </c>
      <c r="R17" s="114">
        <v>100.9</v>
      </c>
      <c r="S17" s="114">
        <v>99.1</v>
      </c>
      <c r="T17" s="117">
        <v>98.4</v>
      </c>
      <c r="U17" s="118">
        <v>100.4</v>
      </c>
      <c r="V17" s="117">
        <v>101.3</v>
      </c>
      <c r="W17" s="121">
        <v>100.7</v>
      </c>
      <c r="X17" s="156">
        <v>0.4</v>
      </c>
      <c r="Y17" s="123">
        <v>0.9</v>
      </c>
    </row>
    <row r="18" spans="1:26" s="1" customFormat="1" ht="24.75" customHeight="1">
      <c r="A18" s="85"/>
      <c r="B18" s="86">
        <v>3</v>
      </c>
      <c r="C18" s="87" t="s">
        <v>25</v>
      </c>
      <c r="D18" s="127">
        <v>100.9</v>
      </c>
      <c r="E18" s="114">
        <v>0.5</v>
      </c>
      <c r="F18" s="159">
        <v>1</v>
      </c>
      <c r="G18" s="129">
        <v>102</v>
      </c>
      <c r="H18" s="114">
        <v>100.4</v>
      </c>
      <c r="I18" s="114">
        <v>113.4</v>
      </c>
      <c r="J18" s="114">
        <v>101.9</v>
      </c>
      <c r="K18" s="114">
        <v>99.9</v>
      </c>
      <c r="L18" s="114">
        <v>99.3</v>
      </c>
      <c r="M18" s="114">
        <v>92.5</v>
      </c>
      <c r="N18" s="116">
        <v>100.4</v>
      </c>
      <c r="O18" s="114">
        <v>102</v>
      </c>
      <c r="P18" s="130">
        <v>102.1</v>
      </c>
      <c r="Q18" s="118">
        <v>100.6</v>
      </c>
      <c r="R18" s="114">
        <v>101.1</v>
      </c>
      <c r="S18" s="114">
        <v>99.4</v>
      </c>
      <c r="T18" s="117">
        <v>98.7</v>
      </c>
      <c r="U18" s="118">
        <v>101.1</v>
      </c>
      <c r="V18" s="117">
        <v>101.5</v>
      </c>
      <c r="W18" s="121">
        <v>101.1</v>
      </c>
      <c r="X18" s="156">
        <v>0.4</v>
      </c>
      <c r="Y18" s="123">
        <v>1.2</v>
      </c>
    </row>
    <row r="19" spans="1:26" s="1" customFormat="1" ht="24.75" customHeight="1" thickBot="1">
      <c r="A19" s="143"/>
      <c r="B19" s="144">
        <v>4</v>
      </c>
      <c r="C19" s="145" t="s">
        <v>39</v>
      </c>
      <c r="D19" s="146">
        <v>101.2</v>
      </c>
      <c r="E19" s="147">
        <v>0.3</v>
      </c>
      <c r="F19" s="158">
        <v>2.2999999999999998</v>
      </c>
      <c r="G19" s="148">
        <v>102.1</v>
      </c>
      <c r="H19" s="147">
        <v>100.4</v>
      </c>
      <c r="I19" s="147">
        <v>114.9</v>
      </c>
      <c r="J19" s="147">
        <v>104.6</v>
      </c>
      <c r="K19" s="147">
        <v>99.4</v>
      </c>
      <c r="L19" s="147">
        <v>98.8</v>
      </c>
      <c r="M19" s="147">
        <v>92.4</v>
      </c>
      <c r="N19" s="149">
        <v>101.6</v>
      </c>
      <c r="O19" s="147">
        <v>103</v>
      </c>
      <c r="P19" s="150">
        <v>102</v>
      </c>
      <c r="Q19" s="151">
        <v>101.1</v>
      </c>
      <c r="R19" s="147">
        <v>102.1</v>
      </c>
      <c r="S19" s="147">
        <v>99.8</v>
      </c>
      <c r="T19" s="152">
        <v>99</v>
      </c>
      <c r="U19" s="151">
        <v>101.4</v>
      </c>
      <c r="V19" s="152">
        <v>101.5</v>
      </c>
      <c r="W19" s="153">
        <v>101.5</v>
      </c>
      <c r="X19" s="154">
        <v>0.4</v>
      </c>
      <c r="Y19" s="155">
        <v>2.5</v>
      </c>
    </row>
    <row r="20" spans="1:26" s="1" customFormat="1" ht="24.75" customHeight="1" thickBot="1">
      <c r="A20" s="78"/>
      <c r="B20" s="79">
        <v>5</v>
      </c>
      <c r="C20" s="80" t="s">
        <v>68</v>
      </c>
      <c r="D20" s="131">
        <v>102</v>
      </c>
      <c r="E20" s="132">
        <v>0.8</v>
      </c>
      <c r="F20" s="157">
        <v>2.7</v>
      </c>
      <c r="G20" s="133">
        <v>103.6</v>
      </c>
      <c r="H20" s="132">
        <v>100.4</v>
      </c>
      <c r="I20" s="132">
        <v>116.1</v>
      </c>
      <c r="J20" s="132">
        <v>111.6</v>
      </c>
      <c r="K20" s="132">
        <v>99.3</v>
      </c>
      <c r="L20" s="132">
        <v>98.9</v>
      </c>
      <c r="M20" s="132">
        <v>92.5</v>
      </c>
      <c r="N20" s="134">
        <v>101.6</v>
      </c>
      <c r="O20" s="132">
        <v>103.3</v>
      </c>
      <c r="P20" s="135">
        <v>102.4</v>
      </c>
      <c r="Q20" s="136">
        <v>101.8</v>
      </c>
      <c r="R20" s="132">
        <v>103.2</v>
      </c>
      <c r="S20" s="132">
        <v>100.4</v>
      </c>
      <c r="T20" s="137">
        <v>99.5</v>
      </c>
      <c r="U20" s="136">
        <v>102.4</v>
      </c>
      <c r="V20" s="137">
        <v>101.6</v>
      </c>
      <c r="W20" s="138">
        <v>101.8</v>
      </c>
      <c r="X20" s="141">
        <v>0.3</v>
      </c>
      <c r="Y20" s="139">
        <v>2.5</v>
      </c>
    </row>
    <row r="21" spans="1:26" ht="19.5" customHeight="1">
      <c r="A21" s="7" t="s">
        <v>36</v>
      </c>
      <c r="B21" s="6"/>
      <c r="C21" s="5"/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77"/>
    </row>
    <row r="22" spans="1:26" ht="21" customHeight="1">
      <c r="A22" s="1"/>
      <c r="B22" s="6"/>
      <c r="C22" s="19"/>
      <c r="D22" s="14"/>
      <c r="E22" s="21"/>
      <c r="F22" s="21"/>
      <c r="G22" s="14"/>
      <c r="H22" s="14"/>
      <c r="I22" s="14"/>
      <c r="J22" s="14"/>
      <c r="M22" s="14"/>
      <c r="N22" s="14"/>
      <c r="P22" s="14"/>
      <c r="Q22" s="14"/>
      <c r="R22" s="14"/>
      <c r="S22" s="14"/>
      <c r="T22" s="14"/>
      <c r="U22" s="14"/>
      <c r="V22" s="14"/>
      <c r="W22" s="14"/>
      <c r="X22" s="14"/>
      <c r="Y22" s="14"/>
      <c r="Z22" s="1"/>
    </row>
    <row r="23" spans="1:26" s="17" customFormat="1" ht="19.5" customHeight="1">
      <c r="A23" s="18"/>
      <c r="B23" s="12"/>
      <c r="C23" s="12"/>
      <c r="D23" s="14"/>
      <c r="E23" s="21"/>
      <c r="F23" s="20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14"/>
    </row>
    <row r="24" spans="1:26" s="17" customFormat="1" ht="19.5" customHeight="1">
      <c r="A24" s="18"/>
      <c r="B24" s="12"/>
      <c r="C24" s="12"/>
      <c r="D24" s="14"/>
      <c r="E24" s="23"/>
      <c r="F24" s="26"/>
      <c r="G24" s="14"/>
      <c r="H24" s="14"/>
      <c r="I24" s="14"/>
      <c r="J24" s="14"/>
      <c r="K24" s="14"/>
      <c r="L24" s="14"/>
      <c r="M24" s="14"/>
      <c r="N24" s="14"/>
      <c r="O24" s="14"/>
      <c r="P24" s="14"/>
      <c r="Q24" s="14"/>
      <c r="R24" s="14"/>
      <c r="S24" s="9"/>
      <c r="T24" s="9"/>
      <c r="U24" s="14"/>
      <c r="V24" s="14"/>
      <c r="W24" s="14"/>
      <c r="X24" s="14"/>
      <c r="Y24" s="14"/>
    </row>
    <row r="25" spans="1:26" ht="20.25" customHeight="1">
      <c r="A25" s="1"/>
      <c r="B25" s="12"/>
      <c r="C25" s="12"/>
      <c r="D25" s="9"/>
      <c r="E25" s="23"/>
      <c r="F25" s="22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9"/>
      <c r="T25" s="16"/>
      <c r="U25" s="9"/>
      <c r="V25" s="9"/>
      <c r="W25" s="15"/>
      <c r="X25" s="14"/>
      <c r="Y25" s="13"/>
      <c r="Z25" s="1"/>
    </row>
    <row r="26" spans="1:26" ht="20.65" customHeight="1">
      <c r="A26" s="1"/>
      <c r="B26" s="12"/>
      <c r="C26" s="12"/>
      <c r="D26" s="9"/>
      <c r="E26" s="9"/>
      <c r="F26" s="9"/>
      <c r="G26" s="9"/>
      <c r="H26" s="9"/>
      <c r="I26" s="9"/>
      <c r="J26" s="9"/>
      <c r="K26" s="9"/>
      <c r="L26" s="9"/>
      <c r="M26" s="9"/>
      <c r="N26" s="9"/>
      <c r="O26" s="9"/>
      <c r="P26" s="9"/>
      <c r="Q26" s="9"/>
      <c r="R26" s="9"/>
      <c r="S26" s="9"/>
      <c r="T26" s="9"/>
      <c r="U26" s="9"/>
      <c r="V26" s="9"/>
      <c r="W26" s="9"/>
      <c r="X26" s="9"/>
      <c r="Y26" s="9"/>
    </row>
    <row r="27" spans="1:26" ht="20.25" customHeight="1">
      <c r="A27" s="1"/>
      <c r="B27" s="11"/>
      <c r="C27" s="11"/>
      <c r="D27" s="10"/>
      <c r="E27" s="9"/>
      <c r="F27" s="9"/>
      <c r="G27" s="9"/>
      <c r="H27" s="9"/>
      <c r="I27" s="9"/>
      <c r="J27" s="9"/>
      <c r="K27" s="9"/>
      <c r="L27" s="9"/>
      <c r="M27" s="9"/>
      <c r="N27" s="9"/>
      <c r="O27" s="9"/>
      <c r="P27" s="9"/>
      <c r="Q27" s="9"/>
      <c r="R27" s="9"/>
      <c r="S27" s="4"/>
      <c r="T27" s="4"/>
      <c r="U27" s="9"/>
      <c r="V27" s="9"/>
      <c r="W27" s="9"/>
      <c r="X27" s="9"/>
      <c r="Y27" s="9"/>
    </row>
    <row r="28" spans="1:26" ht="20.25" customHeight="1">
      <c r="A28" s="7"/>
      <c r="B28" s="6"/>
      <c r="C28" s="5"/>
      <c r="D28" s="2"/>
      <c r="E28" s="2"/>
      <c r="F28" s="2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3"/>
      <c r="X28" s="2"/>
      <c r="Y28" s="2"/>
      <c r="Z28" s="8"/>
    </row>
    <row r="29" spans="1:26" ht="20.25" customHeight="1">
      <c r="A29" s="7"/>
      <c r="B29" s="6"/>
      <c r="C29" s="5"/>
      <c r="D29" s="2"/>
      <c r="E29" s="2"/>
      <c r="F29" s="2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1"/>
      <c r="T29" s="69"/>
      <c r="U29" s="4"/>
      <c r="V29" s="4"/>
      <c r="W29" s="3"/>
      <c r="X29" s="2"/>
      <c r="Y29" s="2"/>
      <c r="Z29" s="1"/>
    </row>
    <row r="30" spans="1:26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6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6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</row>
    <row r="49" spans="1:2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</row>
    <row r="50" spans="1:2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</row>
    <row r="51" spans="1:25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</row>
    <row r="52" spans="1:25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</row>
    <row r="53" spans="1:2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</row>
    <row r="54" spans="1:2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</row>
    <row r="55" spans="1:2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</row>
    <row r="56" spans="1:25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</row>
    <row r="57" spans="1:2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</row>
    <row r="58" spans="1:2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</row>
    <row r="59" spans="1:2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</row>
    <row r="60" spans="1:2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</row>
    <row r="61" spans="1:2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</row>
    <row r="62" spans="1:2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</row>
    <row r="63" spans="1:2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</row>
    <row r="64" spans="1:2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</row>
    <row r="65" spans="1:2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</row>
    <row r="66" spans="1:25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U66" s="1"/>
      <c r="V66" s="1"/>
      <c r="W66" s="1"/>
      <c r="X66" s="1"/>
      <c r="Y66" s="1"/>
    </row>
  </sheetData>
  <mergeCells count="11">
    <mergeCell ref="U3:Y3"/>
    <mergeCell ref="A3:B3"/>
    <mergeCell ref="B7:C7"/>
    <mergeCell ref="U5:V5"/>
    <mergeCell ref="K4:K6"/>
    <mergeCell ref="L4:L6"/>
    <mergeCell ref="O4:O6"/>
    <mergeCell ref="Q4:R5"/>
    <mergeCell ref="U4:V4"/>
    <mergeCell ref="S4:S5"/>
    <mergeCell ref="T4:T5"/>
  </mergeCells>
  <phoneticPr fontId="1"/>
  <pageMargins left="0.61" right="0.19685039370078741" top="0.51181102362204722" bottom="0.47244094488188981" header="0.31496062992125984" footer="0.31496062992125984"/>
  <pageSetup paperSize="9" scale="6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31T02:06:54Z</cp:lastPrinted>
  <dcterms:created xsi:type="dcterms:W3CDTF">2016-09-16T05:42:46Z</dcterms:created>
  <dcterms:modified xsi:type="dcterms:W3CDTF">2022-06-28T05:19:06Z</dcterms:modified>
</cp:coreProperties>
</file>